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99"/>
        <w:gridCol w:w="1152"/>
        <w:gridCol w:w="1251"/>
      </w:tblGrid>
      <w:tr w:rsidR="003D48FB" w:rsidRPr="00960C2B" w14:paraId="377B16C3" w14:textId="77777777" w:rsidTr="00516C7A">
        <w:trPr>
          <w:jc w:val="center"/>
        </w:trPr>
        <w:tc>
          <w:tcPr>
            <w:tcW w:w="9628" w:type="dxa"/>
            <w:gridSpan w:val="9"/>
            <w:vAlign w:val="center"/>
          </w:tcPr>
          <w:p w14:paraId="4535AEAE" w14:textId="77777777" w:rsidR="003D48FB" w:rsidRPr="00960C2B" w:rsidRDefault="003D48FB" w:rsidP="00516C7A">
            <w:pPr>
              <w:jc w:val="center"/>
              <w:rPr>
                <w:lang w:val="da-DK"/>
              </w:rPr>
            </w:pPr>
            <w:r w:rsidRPr="00960C2B">
              <w:rPr>
                <w:b/>
                <w:sz w:val="32"/>
                <w:szCs w:val="32"/>
                <w:lang w:val="da-DK"/>
              </w:rPr>
              <w:t xml:space="preserve">Tilsyn med </w:t>
            </w:r>
            <w:r>
              <w:rPr>
                <w:b/>
                <w:sz w:val="32"/>
                <w:szCs w:val="32"/>
                <w:lang w:val="da-DK"/>
              </w:rPr>
              <w:t>Mølgård</w:t>
            </w:r>
            <w:r w:rsidRPr="00960C2B">
              <w:rPr>
                <w:b/>
                <w:sz w:val="32"/>
                <w:szCs w:val="32"/>
                <w:lang w:val="da-DK"/>
              </w:rPr>
              <w:t xml:space="preserve"> Dambrug </w:t>
            </w:r>
          </w:p>
        </w:tc>
      </w:tr>
      <w:tr w:rsidR="003D48FB" w:rsidRPr="00960C2B" w14:paraId="666C1762" w14:textId="77777777" w:rsidTr="00516C7A">
        <w:trPr>
          <w:jc w:val="center"/>
        </w:trPr>
        <w:tc>
          <w:tcPr>
            <w:tcW w:w="2122" w:type="dxa"/>
            <w:vAlign w:val="center"/>
          </w:tcPr>
          <w:p w14:paraId="0825109C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 xml:space="preserve">Dato for </w:t>
            </w:r>
            <w:r>
              <w:rPr>
                <w:b/>
                <w:lang w:val="da-DK"/>
              </w:rPr>
              <w:t xml:space="preserve">fysisk </w:t>
            </w:r>
            <w:r w:rsidRPr="00960C2B">
              <w:rPr>
                <w:b/>
                <w:lang w:val="da-DK"/>
              </w:rPr>
              <w:t>tilsyn</w:t>
            </w:r>
          </w:p>
        </w:tc>
        <w:tc>
          <w:tcPr>
            <w:tcW w:w="1275" w:type="dxa"/>
            <w:vAlign w:val="center"/>
          </w:tcPr>
          <w:p w14:paraId="10FAD504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10</w:t>
            </w:r>
            <w:r w:rsidRPr="0096293F">
              <w:rPr>
                <w:lang w:val="da-DK"/>
              </w:rPr>
              <w:t>/4/</w:t>
            </w:r>
            <w:r>
              <w:rPr>
                <w:lang w:val="da-DK"/>
              </w:rPr>
              <w:t>2024</w:t>
            </w:r>
          </w:p>
        </w:tc>
        <w:tc>
          <w:tcPr>
            <w:tcW w:w="3261" w:type="dxa"/>
            <w:gridSpan w:val="3"/>
            <w:vAlign w:val="center"/>
          </w:tcPr>
          <w:p w14:paraId="01CAB19B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580C2ECB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</w:p>
        </w:tc>
      </w:tr>
      <w:tr w:rsidR="003D48FB" w:rsidRPr="00960C2B" w14:paraId="1D818D31" w14:textId="77777777" w:rsidTr="00516C7A">
        <w:trPr>
          <w:trHeight w:val="621"/>
          <w:jc w:val="center"/>
        </w:trPr>
        <w:tc>
          <w:tcPr>
            <w:tcW w:w="2122" w:type="dxa"/>
            <w:vAlign w:val="center"/>
          </w:tcPr>
          <w:p w14:paraId="5BCA0230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 xml:space="preserve">Navn, adresse, </w:t>
            </w:r>
            <w:proofErr w:type="spellStart"/>
            <w:r w:rsidRPr="00960C2B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506" w:type="dxa"/>
            <w:gridSpan w:val="8"/>
            <w:vAlign w:val="center"/>
          </w:tcPr>
          <w:p w14:paraId="6FC2C161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Lundby Fisk, Mølgård Dambrug, </w:t>
            </w:r>
            <w:proofErr w:type="spellStart"/>
            <w:r>
              <w:rPr>
                <w:lang w:val="da-DK"/>
              </w:rPr>
              <w:t>Dybvadgårdsvej</w:t>
            </w:r>
            <w:proofErr w:type="spellEnd"/>
            <w:r>
              <w:rPr>
                <w:lang w:val="da-DK"/>
              </w:rPr>
              <w:t xml:space="preserve"> 4b, 9420 Nibe</w:t>
            </w:r>
          </w:p>
        </w:tc>
      </w:tr>
      <w:tr w:rsidR="003D48FB" w:rsidRPr="00960C2B" w14:paraId="77C558B5" w14:textId="77777777" w:rsidTr="00516C7A">
        <w:trPr>
          <w:jc w:val="center"/>
        </w:trPr>
        <w:tc>
          <w:tcPr>
            <w:tcW w:w="2122" w:type="dxa"/>
            <w:vAlign w:val="center"/>
          </w:tcPr>
          <w:p w14:paraId="0E125A75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7125032F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33F80342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4CA1C515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751282C1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622F14EE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4342E12D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70240</w:t>
            </w:r>
            <w:r>
              <w:rPr>
                <w:rFonts w:ascii="Calibri" w:hAnsi="Calibri" w:cs="Calibri"/>
                <w:lang w:val="da-DK"/>
              </w:rPr>
              <w:t xml:space="preserve">              </w:t>
            </w:r>
          </w:p>
        </w:tc>
      </w:tr>
      <w:tr w:rsidR="003D48FB" w:rsidRPr="00960C2B" w14:paraId="692AFEF0" w14:textId="77777777" w:rsidTr="00516C7A">
        <w:trPr>
          <w:jc w:val="center"/>
        </w:trPr>
        <w:tc>
          <w:tcPr>
            <w:tcW w:w="2122" w:type="dxa"/>
            <w:vAlign w:val="center"/>
          </w:tcPr>
          <w:p w14:paraId="68E8FE07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4D66507F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3D48FB" w:rsidRPr="00960C2B" w14:paraId="7BBA089B" w14:textId="77777777" w:rsidTr="00516C7A">
        <w:trPr>
          <w:jc w:val="center"/>
        </w:trPr>
        <w:tc>
          <w:tcPr>
            <w:tcW w:w="2122" w:type="dxa"/>
            <w:vAlign w:val="center"/>
          </w:tcPr>
          <w:p w14:paraId="31831F1F" w14:textId="77777777" w:rsidR="003D48FB" w:rsidRPr="00960C2B" w:rsidRDefault="003D48FB" w:rsidP="00516C7A">
            <w:pPr>
              <w:spacing w:after="0"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0E4DAB40" w14:textId="77777777" w:rsidR="003D48FB" w:rsidRPr="00D90225" w:rsidRDefault="003D48FB" w:rsidP="00516C7A">
            <w:pPr>
              <w:spacing w:after="0" w:line="276" w:lineRule="auto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 xml:space="preserve">17/2-2010 </w:t>
            </w:r>
          </w:p>
          <w:p w14:paraId="54AF7890" w14:textId="77777777" w:rsidR="003D48FB" w:rsidRPr="00960C2B" w:rsidRDefault="003D48FB" w:rsidP="00516C7A">
            <w:pPr>
              <w:spacing w:after="0" w:line="276" w:lineRule="auto"/>
              <w:rPr>
                <w:b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Vilkårsændret 18/12-2013 og 09/07-2019</w:t>
            </w:r>
          </w:p>
        </w:tc>
        <w:tc>
          <w:tcPr>
            <w:tcW w:w="1560" w:type="dxa"/>
            <w:gridSpan w:val="3"/>
            <w:vAlign w:val="center"/>
          </w:tcPr>
          <w:p w14:paraId="6AB0FCA2" w14:textId="77777777" w:rsidR="003D48FB" w:rsidRPr="00960C2B" w:rsidRDefault="003D48FB" w:rsidP="00516C7A">
            <w:pPr>
              <w:spacing w:after="0" w:line="276" w:lineRule="auto"/>
              <w:rPr>
                <w:lang w:val="da-DK"/>
              </w:rPr>
            </w:pPr>
            <w:r w:rsidRPr="00960C2B">
              <w:rPr>
                <w:b/>
                <w:lang w:val="da-DK"/>
              </w:rPr>
              <w:t>Vandindvinding</w:t>
            </w:r>
          </w:p>
        </w:tc>
        <w:tc>
          <w:tcPr>
            <w:tcW w:w="2403" w:type="dxa"/>
            <w:gridSpan w:val="2"/>
            <w:vAlign w:val="center"/>
          </w:tcPr>
          <w:p w14:paraId="22D8C844" w14:textId="77777777" w:rsidR="003D48FB" w:rsidRPr="00D90225" w:rsidRDefault="003D48FB" w:rsidP="00516C7A">
            <w:pPr>
              <w:spacing w:after="0"/>
              <w:rPr>
                <w:rFonts w:ascii="Calibri" w:hAnsi="Calibri" w:cs="Calibri"/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3/6-2016 (</w:t>
            </w:r>
            <w:r>
              <w:rPr>
                <w:rFonts w:ascii="Calibri" w:hAnsi="Calibri" w:cs="Calibri"/>
                <w:lang w:val="da-DK"/>
              </w:rPr>
              <w:t>f</w:t>
            </w:r>
            <w:r w:rsidRPr="00D90225">
              <w:rPr>
                <w:rFonts w:ascii="Calibri" w:hAnsi="Calibri" w:cs="Calibri"/>
                <w:lang w:val="da-DK"/>
              </w:rPr>
              <w:t>ra Dybvad Å)</w:t>
            </w:r>
          </w:p>
          <w:p w14:paraId="7187A461" w14:textId="77777777" w:rsidR="003D48FB" w:rsidRPr="00960C2B" w:rsidRDefault="003D48FB" w:rsidP="00516C7A">
            <w:pPr>
              <w:spacing w:after="0" w:line="276" w:lineRule="auto"/>
              <w:rPr>
                <w:lang w:val="da-DK"/>
              </w:rPr>
            </w:pPr>
            <w:r w:rsidRPr="00D90225">
              <w:rPr>
                <w:rFonts w:ascii="Calibri" w:hAnsi="Calibri" w:cs="Calibri"/>
                <w:lang w:val="da-DK"/>
              </w:rPr>
              <w:t>27/09-2017 (</w:t>
            </w:r>
            <w:r>
              <w:rPr>
                <w:rFonts w:ascii="Calibri" w:hAnsi="Calibri" w:cs="Calibri"/>
                <w:lang w:val="da-DK"/>
              </w:rPr>
              <w:t>g</w:t>
            </w:r>
            <w:r w:rsidRPr="00D90225">
              <w:rPr>
                <w:rFonts w:ascii="Calibri" w:hAnsi="Calibri" w:cs="Calibri"/>
                <w:lang w:val="da-DK"/>
              </w:rPr>
              <w:t>rundvand)</w:t>
            </w:r>
          </w:p>
        </w:tc>
      </w:tr>
      <w:tr w:rsidR="003D48FB" w:rsidRPr="00960C2B" w14:paraId="013FB11E" w14:textId="77777777" w:rsidTr="00516C7A">
        <w:trPr>
          <w:jc w:val="center"/>
        </w:trPr>
        <w:tc>
          <w:tcPr>
            <w:tcW w:w="2122" w:type="dxa"/>
            <w:vAlign w:val="center"/>
          </w:tcPr>
          <w:p w14:paraId="2AE92DC0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4E8CF9F0" w14:textId="77777777" w:rsidR="003D48FB" w:rsidRPr="0096293F" w:rsidRDefault="003D48FB" w:rsidP="00516C7A">
            <w:pPr>
              <w:spacing w:line="276" w:lineRule="auto"/>
              <w:rPr>
                <w:rFonts w:cstheme="minorHAnsi"/>
                <w:lang w:val="da-DK"/>
              </w:rPr>
            </w:pPr>
            <w:r w:rsidRPr="0096293F">
              <w:rPr>
                <w:rFonts w:cstheme="minorHAnsi"/>
                <w:lang w:val="da-DK"/>
              </w:rPr>
              <w:t>Baggrunden for tilsynet er opfølgning på påbud om at nedbringe forurening af Dybvad å fra Mølgård Dambrug meddelt 24/8/2023.</w:t>
            </w:r>
          </w:p>
          <w:p w14:paraId="115D4834" w14:textId="77777777" w:rsidR="003D48FB" w:rsidRDefault="003D48FB" w:rsidP="00516C7A">
            <w:pPr>
              <w:rPr>
                <w:rFonts w:cstheme="minorHAnsi"/>
                <w:lang w:val="da-DK"/>
              </w:rPr>
            </w:pPr>
            <w:r w:rsidRPr="0096293F">
              <w:rPr>
                <w:rFonts w:cstheme="minorHAnsi"/>
                <w:lang w:val="da-DK"/>
              </w:rPr>
              <w:t>Forud tilsynet har ejer indsendt oplysninger</w:t>
            </w:r>
            <w:r>
              <w:rPr>
                <w:rFonts w:cstheme="minorHAnsi"/>
                <w:lang w:val="da-DK"/>
              </w:rPr>
              <w:t>, at</w:t>
            </w:r>
            <w:r w:rsidRPr="0096293F">
              <w:rPr>
                <w:rFonts w:cstheme="minorHAnsi"/>
                <w:lang w:val="da-DK"/>
              </w:rPr>
              <w:t xml:space="preserve"> der var vand igennem biofiltret den 14/2/2024 og at biofiltret var færdig etableret den 1/3/2024. </w:t>
            </w:r>
          </w:p>
          <w:p w14:paraId="42A7A877" w14:textId="77777777" w:rsidR="003D48FB" w:rsidRPr="0096293F" w:rsidRDefault="003D48FB" w:rsidP="00516C7A">
            <w:pPr>
              <w:rPr>
                <w:rFonts w:cstheme="minorHAnsi"/>
                <w:lang w:val="da-DK"/>
              </w:rPr>
            </w:pPr>
            <w:r w:rsidRPr="0096293F">
              <w:rPr>
                <w:rFonts w:cstheme="minorHAnsi"/>
                <w:lang w:val="da-DK"/>
              </w:rPr>
              <w:t xml:space="preserve">Der er etableret et fastmedie biofilter, 3 strenget med hver 2 kamre, hvor der er 40 styk </w:t>
            </w:r>
            <w:proofErr w:type="spellStart"/>
            <w:r>
              <w:rPr>
                <w:rFonts w:cstheme="minorHAnsi"/>
                <w:lang w:val="da-DK"/>
              </w:rPr>
              <w:t>e</w:t>
            </w:r>
            <w:r w:rsidRPr="0096293F">
              <w:rPr>
                <w:rFonts w:cstheme="minorHAnsi"/>
                <w:lang w:val="da-DK"/>
              </w:rPr>
              <w:t>xponetblokke</w:t>
            </w:r>
            <w:proofErr w:type="spellEnd"/>
            <w:r w:rsidRPr="0096293F">
              <w:rPr>
                <w:rFonts w:cstheme="minorHAnsi"/>
                <w:lang w:val="da-DK"/>
              </w:rPr>
              <w:t xml:space="preserve"> i hvert kammer.</w:t>
            </w:r>
            <w:r>
              <w:rPr>
                <w:rFonts w:cstheme="minorHAnsi"/>
                <w:lang w:val="da-DK"/>
              </w:rPr>
              <w:t xml:space="preserve"> </w:t>
            </w:r>
            <w:r w:rsidRPr="0096293F">
              <w:rPr>
                <w:rFonts w:cstheme="minorHAnsi"/>
                <w:lang w:val="da-DK"/>
              </w:rPr>
              <w:t>Biofiltret er etableret inden afløbsvandet ledes til plantelagunearealet</w:t>
            </w:r>
            <w:r>
              <w:rPr>
                <w:rFonts w:cstheme="minorHAnsi"/>
                <w:lang w:val="da-DK"/>
              </w:rPr>
              <w:t>.</w:t>
            </w:r>
          </w:p>
          <w:p w14:paraId="34F6B233" w14:textId="77777777" w:rsidR="003D48FB" w:rsidRPr="0096293F" w:rsidRDefault="003D48FB" w:rsidP="00516C7A">
            <w:pPr>
              <w:spacing w:line="276" w:lineRule="auto"/>
              <w:rPr>
                <w:rFonts w:cstheme="minorHAnsi"/>
                <w:lang w:val="da-DK"/>
              </w:rPr>
            </w:pPr>
            <w:r w:rsidRPr="0096293F">
              <w:rPr>
                <w:rFonts w:cstheme="minorHAnsi"/>
                <w:lang w:val="da-DK"/>
              </w:rPr>
              <w:t>Tilsynet omfattede besigtigelse af det nyetablerede biofilter og afløb af overskudsvand fra slamdepot.</w:t>
            </w:r>
          </w:p>
          <w:p w14:paraId="771F279D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 w:rsidRPr="0096293F">
              <w:rPr>
                <w:rFonts w:cstheme="minorHAnsi"/>
                <w:lang w:val="da-DK"/>
              </w:rPr>
              <w:t>Opfølgning på håndtering af overskudsvand fra slamdepot sker i forbindelse med ny miljøgodkendelse af dambruget.</w:t>
            </w:r>
          </w:p>
        </w:tc>
      </w:tr>
      <w:tr w:rsidR="003D48FB" w:rsidRPr="00960C2B" w14:paraId="3279B73F" w14:textId="77777777" w:rsidTr="00516C7A">
        <w:trPr>
          <w:jc w:val="center"/>
        </w:trPr>
        <w:tc>
          <w:tcPr>
            <w:tcW w:w="2122" w:type="dxa"/>
            <w:vAlign w:val="center"/>
          </w:tcPr>
          <w:p w14:paraId="037A81C7" w14:textId="77777777" w:rsidR="003D48FB" w:rsidRPr="00960C2B" w:rsidRDefault="003D48FB" w:rsidP="00516C7A">
            <w:pPr>
              <w:spacing w:line="276" w:lineRule="auto"/>
              <w:rPr>
                <w:b/>
                <w:lang w:val="da-DK"/>
              </w:rPr>
            </w:pPr>
            <w:r>
              <w:rPr>
                <w:b/>
                <w:lang w:val="da-DK"/>
              </w:rPr>
              <w:t>Opfølgning på påbud</w:t>
            </w:r>
          </w:p>
        </w:tc>
        <w:tc>
          <w:tcPr>
            <w:tcW w:w="7506" w:type="dxa"/>
            <w:gridSpan w:val="8"/>
            <w:vAlign w:val="center"/>
          </w:tcPr>
          <w:p w14:paraId="0DD1536A" w14:textId="77777777" w:rsidR="003D48FB" w:rsidRPr="00960C2B" w:rsidRDefault="003D48FB" w:rsidP="00516C7A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Aalborg Kommune har meddelt påbud om at nedbringe forureningen af Dybvad å fra Mølgård dambrug. Dambruget har efterkommet påbuddet ved at etablere et biofilter.</w:t>
            </w:r>
          </w:p>
        </w:tc>
      </w:tr>
    </w:tbl>
    <w:p w14:paraId="0277CD21" w14:textId="77777777" w:rsidR="003D48FB" w:rsidRPr="008426F8" w:rsidRDefault="003D48FB" w:rsidP="003D48FB">
      <w:r>
        <w:t xml:space="preserve"> </w:t>
      </w:r>
    </w:p>
    <w:p w14:paraId="49051D7D" w14:textId="77777777" w:rsidR="003D48FB" w:rsidRDefault="003D48FB" w:rsidP="003D48FB"/>
    <w:p w14:paraId="64492E96" w14:textId="77777777" w:rsidR="003D48FB" w:rsidRDefault="003D48FB" w:rsidP="003D48FB"/>
    <w:p w14:paraId="668D09BB" w14:textId="77777777" w:rsidR="003D48FB" w:rsidRDefault="003D48FB" w:rsidP="003D48FB"/>
    <w:p w14:paraId="5038F4F1" w14:textId="77777777" w:rsidR="004D304D" w:rsidRDefault="004D304D"/>
    <w:sectPr w:rsidR="004D304D" w:rsidSect="008426F8">
      <w:headerReference w:type="even" r:id="rId4"/>
      <w:headerReference w:type="default" r:id="rId5"/>
      <w:footerReference w:type="even" r:id="rId6"/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82A42B1" w14:textId="77777777" w:rsidR="003D48FB" w:rsidRDefault="003D48FB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A8B7E6" w14:textId="77777777" w:rsidR="003D48FB" w:rsidRDefault="003D48FB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2F2D78CC" wp14:editId="7E7FE54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BBB3196" w14:textId="77777777" w:rsidR="003D48FB" w:rsidRPr="00080AA0" w:rsidRDefault="003D48FB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CAD55A3" wp14:editId="50BB3624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F2D78CC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BBB3196" w14:textId="77777777" w:rsidR="003D48FB" w:rsidRPr="00080AA0" w:rsidRDefault="003D48FB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CAD55A3" wp14:editId="50BB3624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F2AE597" w14:textId="77777777" w:rsidR="003D48FB" w:rsidRDefault="003D48FB" w:rsidP="00042200">
    <w:pPr>
      <w:pStyle w:val="Sidefod"/>
      <w:spacing w:after="0"/>
      <w:ind w:right="-1815"/>
      <w:rPr>
        <w:b/>
      </w:rPr>
    </w:pPr>
  </w:p>
  <w:p w14:paraId="6BB6B73B" w14:textId="77777777" w:rsidR="003D48FB" w:rsidRPr="00042200" w:rsidRDefault="003D48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3222E449" wp14:editId="7F9CA10D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918DA85" w14:textId="77777777" w:rsidR="003D48FB" w:rsidRPr="00080AA0" w:rsidRDefault="003D48FB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6FB43E3" wp14:editId="10681DB4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222E449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918DA85" w14:textId="77777777" w:rsidR="003D48FB" w:rsidRPr="00080AA0" w:rsidRDefault="003D48FB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6FB43E3" wp14:editId="10681DB4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484BC0" w14:textId="77777777" w:rsidR="003D48FB" w:rsidRDefault="003D48FB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A3E8641" w14:textId="77777777" w:rsidR="003D48FB" w:rsidRDefault="003D48FB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7586237" w14:textId="77777777" w:rsidR="003D48FB" w:rsidRDefault="003D48FB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0B8CA7D9" wp14:editId="2E0FE076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proofState w:spelling="clean" w:grammar="clean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D48FB"/>
    <w:rsid w:val="003D48FB"/>
    <w:rsid w:val="004D304D"/>
    <w:rsid w:val="009802B2"/>
    <w:rsid w:val="009F75EB"/>
    <w:rsid w:val="00BA48AD"/>
    <w:rsid w:val="00E72C9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4F5424D"/>
  <w15:chartTrackingRefBased/>
  <w15:docId w15:val="{F29B3341-850D-47BD-8AB9-9C1EA31C19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da-DK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D48FB"/>
    <w:rPr>
      <w:kern w:val="0"/>
      <w14:ligatures w14:val="none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3D48FB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3D48FB"/>
    <w:rPr>
      <w:kern w:val="0"/>
      <w14:ligatures w14:val="none"/>
    </w:rPr>
  </w:style>
  <w:style w:type="paragraph" w:styleId="Sidehoved">
    <w:name w:val="header"/>
    <w:basedOn w:val="Normal"/>
    <w:link w:val="SidehovedTegn"/>
    <w:rsid w:val="003D48FB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3D48FB"/>
    <w:rPr>
      <w:kern w:val="0"/>
      <w14:ligatures w14:val="none"/>
    </w:rPr>
  </w:style>
  <w:style w:type="character" w:styleId="Sidetal">
    <w:name w:val="page number"/>
    <w:basedOn w:val="Standardskrifttypeiafsnit"/>
    <w:rsid w:val="003D48FB"/>
  </w:style>
  <w:style w:type="table" w:styleId="Tabel-Gitter">
    <w:name w:val="Table Grid"/>
    <w:basedOn w:val="Tabel-Normal"/>
    <w:uiPriority w:val="39"/>
    <w:rsid w:val="003D48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kern w:val="0"/>
      <w:sz w:val="18"/>
      <w:szCs w:val="18"/>
      <w:lang w:val="en-US" w:bidi="en-US"/>
      <w14:ligatures w14:val="none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3.xml"/><Relationship Id="rId3" Type="http://schemas.openxmlformats.org/officeDocument/2006/relationships/webSettings" Target="webSettings.xml"/><Relationship Id="rId7" Type="http://schemas.openxmlformats.org/officeDocument/2006/relationships/footer" Target="foot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oter" Target="footer1.xml"/><Relationship Id="rId11" Type="http://schemas.openxmlformats.org/officeDocument/2006/relationships/theme" Target="theme/theme1.xml"/><Relationship Id="rId5" Type="http://schemas.openxmlformats.org/officeDocument/2006/relationships/header" Target="header2.xml"/><Relationship Id="rId10" Type="http://schemas.openxmlformats.org/officeDocument/2006/relationships/fontTable" Target="fontTable.xml"/><Relationship Id="rId4" Type="http://schemas.openxmlformats.org/officeDocument/2006/relationships/header" Target="header1.xml"/><Relationship Id="rId9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76</Words>
  <Characters>1093</Characters>
  <Application>Microsoft Office Word</Application>
  <DocSecurity>0</DocSecurity>
  <Lines>42</Lines>
  <Paragraphs>31</Paragraphs>
  <ScaleCrop>false</ScaleCrop>
  <Company/>
  <LinksUpToDate>false</LinksUpToDate>
  <CharactersWithSpaces>12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ette Schmidt Hildebrand</cp:lastModifiedBy>
  <cp:revision>1</cp:revision>
  <dcterms:created xsi:type="dcterms:W3CDTF">2024-05-27T07:09:00Z</dcterms:created>
  <dcterms:modified xsi:type="dcterms:W3CDTF">2024-05-27T07:09:00Z</dcterms:modified>
</cp:coreProperties>
</file>